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68F197CA" w14:textId="4CC188DE" w:rsidR="00477BB1" w:rsidRDefault="007D3A3D" w:rsidP="00477BB1">
      <w:pPr>
        <w:pStyle w:val="Title"/>
      </w:pPr>
      <w:r>
        <w:t>Modular Complex System Brief</w:t>
      </w:r>
      <w:r w:rsidR="00823AFB">
        <w:t xml:space="preserve"> – Inventory Manager System</w:t>
      </w:r>
    </w:p>
    <w:p w14:paraId="63AC3348" w14:textId="41D515BB" w:rsidR="00197756" w:rsidRPr="00197756" w:rsidRDefault="00197756" w:rsidP="00197756">
      <w:pPr>
        <w:pStyle w:val="Subtitle"/>
      </w:pPr>
      <w:r>
        <w:t xml:space="preserve">Documentation for </w:t>
      </w:r>
      <w:r w:rsidR="00823AFB">
        <w:t>the system by Joseph Huskey</w:t>
      </w:r>
    </w:p>
    <w:p w14:paraId="14D663CF" w14:textId="43183E58" w:rsidR="004B5CBC" w:rsidRDefault="00725F62" w:rsidP="004B5CBC">
      <w:pPr>
        <w:pStyle w:val="Heading1"/>
      </w:pPr>
      <w:r>
        <w:t>System Overview</w:t>
      </w:r>
    </w:p>
    <w:p w14:paraId="32026433" w14:textId="7BF1FAD6" w:rsidR="00F132DF" w:rsidRDefault="00823AFB" w:rsidP="00F132DF">
      <w:r>
        <w:t xml:space="preserve">I am designing an inventory system that will allow a designer or programmer to make an inventory for a roguelike or rpg game with the purpose of sorting, </w:t>
      </w:r>
      <w:r w:rsidR="00B260CD">
        <w:t xml:space="preserve">removing, </w:t>
      </w:r>
      <w:r>
        <w:t>adding, and stacking items in an</w:t>
      </w:r>
      <w:r w:rsidR="00B260CD">
        <w:t xml:space="preserve"> adjustable list</w:t>
      </w:r>
      <w:r>
        <w:t>.</w:t>
      </w:r>
    </w:p>
    <w:p w14:paraId="178D8AB9" w14:textId="4DAD6ABD" w:rsidR="00803AE1" w:rsidRDefault="007844F1" w:rsidP="00803AE1">
      <w:pPr>
        <w:pStyle w:val="Heading1"/>
      </w:pPr>
      <w:r>
        <w:t>Packaging</w:t>
      </w:r>
    </w:p>
    <w:p w14:paraId="68E6B149" w14:textId="7F0D86A4" w:rsidR="003F1DC0" w:rsidRDefault="003F1DC0" w:rsidP="003F1DC0">
      <w:pPr>
        <w:pStyle w:val="ListParagraph"/>
        <w:numPr>
          <w:ilvl w:val="0"/>
          <w:numId w:val="1"/>
        </w:numPr>
      </w:pPr>
      <w:r>
        <w:t>Unity</w:t>
      </w:r>
    </w:p>
    <w:p w14:paraId="60AC5650" w14:textId="0BF4A312" w:rsidR="00BB52DB" w:rsidRDefault="00BB52DB" w:rsidP="003F1DC0">
      <w:pPr>
        <w:pStyle w:val="ListParagraph"/>
        <w:numPr>
          <w:ilvl w:val="1"/>
          <w:numId w:val="1"/>
        </w:numPr>
      </w:pPr>
      <w:r>
        <w:t>A Unity package (.unitypackage)</w:t>
      </w:r>
    </w:p>
    <w:p w14:paraId="0BB3F531" w14:textId="18A9C2C6" w:rsidR="00DD561B" w:rsidRDefault="007844F1" w:rsidP="00DE345B">
      <w:pPr>
        <w:pStyle w:val="Heading1"/>
      </w:pPr>
      <w:r>
        <w:t>Quick Start – Using the Modular Complex System</w:t>
      </w:r>
    </w:p>
    <w:p w14:paraId="7BB70087" w14:textId="38B86882" w:rsidR="007844F1" w:rsidRDefault="007844F1" w:rsidP="007844F1">
      <w:pPr>
        <w:pStyle w:val="Heading2"/>
      </w:pPr>
      <w:r>
        <w:t>Integrating the System</w:t>
      </w:r>
    </w:p>
    <w:p w14:paraId="73EFE7C0" w14:textId="02C1AEF5" w:rsidR="004C129E" w:rsidRDefault="00342B3B" w:rsidP="007844F1">
      <w:r>
        <w:t>Import the unity package into your Unity 2020</w:t>
      </w:r>
      <w:r w:rsidR="001B17E2">
        <w:t>.1.10f1 and you should be able to right click in your project view and able to access the items/inventory scriptable objects.</w:t>
      </w:r>
      <w:r w:rsidR="001B17E2">
        <w:br/>
      </w:r>
      <w:r w:rsidR="001B17E2">
        <w:br/>
        <w:t xml:space="preserve">You can make use of these objects simply by </w:t>
      </w:r>
      <w:r w:rsidR="00414227">
        <w:t>attaching them to the player character or whatever other object you need an inventory on (chest etc), design your specified objects by setting their parameters and either using the provided display method or designing your own.</w:t>
      </w:r>
    </w:p>
    <w:p w14:paraId="3723401C" w14:textId="0144653A" w:rsidR="007844F1" w:rsidRDefault="007844F1" w:rsidP="007844F1">
      <w:pPr>
        <w:pStyle w:val="Heading2"/>
      </w:pPr>
      <w:r>
        <w:t>Building Upon the System</w:t>
      </w:r>
    </w:p>
    <w:p w14:paraId="39A896D8" w14:textId="74427592" w:rsidR="00752870" w:rsidRPr="007844F1" w:rsidRDefault="00414227" w:rsidP="007844F1">
      <w:r>
        <w:t xml:space="preserve">To build onto this system you may want to design more item types with their own abilities this can be done by inheriting from the ItemType class which provides some basic variables. Note when creating a new item type to add to the ItemType Enum as well as to use the asset menu code to be able to generate the object. </w:t>
      </w:r>
      <w:r>
        <w:br/>
      </w:r>
      <w:r>
        <w:br/>
        <w:t>(Example of asset menu)</w:t>
      </w:r>
      <w:r>
        <w:br/>
        <w:t>CreateAssetMenu(filename = “New [type] Object”, menuName = “Inventory System/Items/[type])</w:t>
      </w:r>
    </w:p>
    <w:p w14:paraId="7EDCF492" w14:textId="18D792A3" w:rsidR="005E32CE" w:rsidRDefault="005E32CE" w:rsidP="005E32CE">
      <w:pPr>
        <w:pStyle w:val="Heading1"/>
      </w:pPr>
      <w:r>
        <w:t>Underlying Mathematical Operations and Algorithms</w:t>
      </w:r>
    </w:p>
    <w:p w14:paraId="20B8D359" w14:textId="588F0DAD" w:rsidR="00465F9A" w:rsidRDefault="00465F9A" w:rsidP="00465F9A">
      <w:pPr>
        <w:pStyle w:val="Heading2"/>
      </w:pPr>
      <w:r>
        <w:t>Mathematical Operations</w:t>
      </w:r>
    </w:p>
    <w:p w14:paraId="2121479D" w14:textId="3DD69CD8" w:rsidR="005E32CE" w:rsidRDefault="00414227" w:rsidP="005E32CE">
      <w:r>
        <w:t>This inventory system does not currently make use of any mathematical operations removing and adding items is entirely based on the index/ID of the items.</w:t>
      </w:r>
    </w:p>
    <w:p w14:paraId="781E0349" w14:textId="04537CE1" w:rsidR="00465F9A" w:rsidRDefault="00465F9A" w:rsidP="00465F9A">
      <w:pPr>
        <w:pStyle w:val="Heading2"/>
      </w:pPr>
      <w:r>
        <w:t>Advanced Algorithms</w:t>
      </w:r>
    </w:p>
    <w:p w14:paraId="45C264CB" w14:textId="013ED8FB" w:rsidR="00373F47" w:rsidRPr="00C17EAC" w:rsidRDefault="00414227" w:rsidP="005E32CE">
      <w:r>
        <w:t>Currently no advanced algorithms are in the base version.</w:t>
      </w:r>
    </w:p>
    <w:p w14:paraId="39343074" w14:textId="6A1C5748" w:rsidR="00964434" w:rsidRDefault="000D738C" w:rsidP="00964434">
      <w:pPr>
        <w:pStyle w:val="Heading1"/>
      </w:pPr>
      <w:r>
        <w:lastRenderedPageBreak/>
        <w:t xml:space="preserve">Additional </w:t>
      </w:r>
      <w:r w:rsidR="00964434">
        <w:t>Third-Party Libraries</w:t>
      </w:r>
    </w:p>
    <w:p w14:paraId="4A9AAD3C" w14:textId="458F024D" w:rsidR="00F132DF" w:rsidRDefault="000D738C" w:rsidP="00F132DF">
      <w:r>
        <w:t>P</w:t>
      </w:r>
      <w:r w:rsidR="00964434">
        <w:t>lease identify and provide a link</w:t>
      </w:r>
      <w:r w:rsidR="00B32ECA">
        <w:t xml:space="preserve"> and license</w:t>
      </w:r>
      <w:r w:rsidR="00964434">
        <w:t xml:space="preserve"> </w:t>
      </w:r>
      <w:r w:rsidR="00B32ECA">
        <w:t>for</w:t>
      </w:r>
      <w:r w:rsidR="00964434">
        <w:t xml:space="preserve"> each third-party library used to implement this </w:t>
      </w:r>
      <w:r w:rsidR="00B32ECA">
        <w:t>modular</w:t>
      </w:r>
      <w:r w:rsidR="00EF097D">
        <w:t xml:space="preserve"> complex system</w:t>
      </w:r>
      <w:r w:rsidR="00964434">
        <w:t>.</w:t>
      </w:r>
    </w:p>
    <w:p w14:paraId="1A581426" w14:textId="068B8F5B" w:rsidR="001B7123" w:rsidRDefault="001B7123" w:rsidP="00F132DF">
      <w:r>
        <w:t xml:space="preserve">When discussing each third-party library, discuss why it is included rather </w:t>
      </w:r>
      <w:r w:rsidR="005D5895">
        <w:t>being completely implemented by yourself.</w:t>
      </w:r>
    </w:p>
    <w:p w14:paraId="5102BAD0" w14:textId="77777777" w:rsidR="00B32ECA" w:rsidRDefault="00B32ECA" w:rsidP="00B32ECA">
      <w:pPr>
        <w:pStyle w:val="Heading1"/>
      </w:pPr>
      <w:r>
        <w:t>Research Material</w:t>
      </w:r>
    </w:p>
    <w:p w14:paraId="6FA2BB92" w14:textId="2A39C398" w:rsidR="00B32ECA" w:rsidRPr="00F132DF" w:rsidRDefault="00DF33C6" w:rsidP="00F132DF">
      <w:r>
        <w:t>Optionally, p</w:t>
      </w:r>
      <w:r w:rsidR="00B32ECA">
        <w:t>lease include links or references to other research material that helped you develop this modular complex system.</w:t>
      </w:r>
    </w:p>
    <w:p w14:paraId="214C8EFD" w14:textId="77777777" w:rsidR="000D738C" w:rsidRDefault="000D738C">
      <w:pPr>
        <w:rPr>
          <w:rFonts w:asciiTheme="majorHAnsi" w:eastAsiaTheme="majorEastAsia" w:hAnsiTheme="majorHAnsi" w:cstheme="majorBidi"/>
          <w:color w:val="2F5496" w:themeColor="accent1" w:themeShade="BF"/>
          <w:sz w:val="32"/>
          <w:szCs w:val="32"/>
        </w:rPr>
      </w:pPr>
      <w:r>
        <w:br w:type="page"/>
      </w:r>
    </w:p>
    <w:p w14:paraId="14F800DC" w14:textId="0E0D52FF" w:rsidR="00C04146" w:rsidRDefault="00C04146" w:rsidP="00C04146">
      <w:pPr>
        <w:pStyle w:val="Title"/>
      </w:pPr>
      <w:r>
        <w:lastRenderedPageBreak/>
        <w:t>Appendix I – Technical Design</w:t>
      </w:r>
    </w:p>
    <w:p w14:paraId="53CF1FCE" w14:textId="3E22AE5D" w:rsidR="005D5895" w:rsidRDefault="00C04146" w:rsidP="00C04146">
      <w:r>
        <w:t xml:space="preserve">This </w:t>
      </w:r>
      <w:r w:rsidRPr="007A1B17">
        <w:rPr>
          <w:b/>
        </w:rPr>
        <w:t>optional appendix</w:t>
      </w:r>
      <w:r>
        <w:t xml:space="preserve"> is included to encourage </w:t>
      </w:r>
      <w:r w:rsidR="001B7123">
        <w:t>you to start thinking about considerations that you will have make as a part of the technical design process.</w:t>
      </w:r>
      <w:r w:rsidR="005D5895">
        <w:t xml:space="preserve"> It is outside of the requirements as outlined by the Complex Game Systems </w:t>
      </w:r>
      <w:r w:rsidR="00E662FC">
        <w:t>subject but</w:t>
      </w:r>
      <w:r w:rsidR="005D5895">
        <w:t xml:space="preserve"> will be reviewed if included.</w:t>
      </w:r>
    </w:p>
    <w:p w14:paraId="53880132" w14:textId="2B593696" w:rsidR="00EF036E" w:rsidRPr="00C04146" w:rsidRDefault="00EF036E" w:rsidP="00C04146">
      <w:r>
        <w:t>This is a preview of what is to come when we revisit the Technical Design Document (TDD) in Minor and Major Production.</w:t>
      </w:r>
    </w:p>
    <w:p w14:paraId="2698C4FA" w14:textId="292A7867" w:rsidR="000D738C" w:rsidRDefault="00BB57CA" w:rsidP="00EF097D">
      <w:pPr>
        <w:pStyle w:val="Heading1"/>
      </w:pPr>
      <w:r>
        <w:t>Technical Requirements</w:t>
      </w:r>
    </w:p>
    <w:p w14:paraId="5BA7D7C7" w14:textId="78EFA8FA" w:rsidR="00BB57CA" w:rsidRDefault="00BB57CA" w:rsidP="00BB57CA">
      <w:r>
        <w:t xml:space="preserve">The technical requirements </w:t>
      </w:r>
      <w:r w:rsidR="00D04235">
        <w:t>are the needs that must be met for your project to perform as required</w:t>
      </w:r>
      <w:r w:rsidR="00EC4B2F">
        <w:t xml:space="preserve"> (i.e. meet the needs of the </w:t>
      </w:r>
      <w:r w:rsidR="00DC7195">
        <w:t>client or user of your modular complex system)</w:t>
      </w:r>
      <w:r w:rsidR="00D04235">
        <w:t>.</w:t>
      </w:r>
    </w:p>
    <w:p w14:paraId="06830BD5" w14:textId="36111205" w:rsidR="005210EC" w:rsidRDefault="005210EC" w:rsidP="005210EC">
      <w:pPr>
        <w:pStyle w:val="ListParagraph"/>
        <w:numPr>
          <w:ilvl w:val="0"/>
          <w:numId w:val="1"/>
        </w:numPr>
      </w:pPr>
      <w:r>
        <w:t>Target Frame Rate</w:t>
      </w:r>
    </w:p>
    <w:p w14:paraId="47ED25D4" w14:textId="7D28AD96" w:rsidR="00A83E92" w:rsidRDefault="00A83E92" w:rsidP="00A83E92">
      <w:pPr>
        <w:pStyle w:val="ListParagraph"/>
        <w:numPr>
          <w:ilvl w:val="1"/>
          <w:numId w:val="1"/>
        </w:numPr>
      </w:pPr>
      <w:r>
        <w:t>You may choose to vary this in different situations (i.e. 60fps gameplay, 30fps cutscenes)</w:t>
      </w:r>
    </w:p>
    <w:p w14:paraId="2F82B9D0" w14:textId="4B9847B1" w:rsidR="005210EC" w:rsidRDefault="005210EC" w:rsidP="005210EC">
      <w:pPr>
        <w:pStyle w:val="ListParagraph"/>
        <w:numPr>
          <w:ilvl w:val="0"/>
          <w:numId w:val="1"/>
        </w:numPr>
      </w:pPr>
      <w:r>
        <w:t>Target Render Resolution</w:t>
      </w:r>
    </w:p>
    <w:p w14:paraId="2C0339E7" w14:textId="776DBB76" w:rsidR="00AD1601" w:rsidRDefault="00AD1601" w:rsidP="00AD1601">
      <w:pPr>
        <w:pStyle w:val="ListParagraph"/>
        <w:numPr>
          <w:ilvl w:val="1"/>
          <w:numId w:val="1"/>
        </w:numPr>
      </w:pPr>
      <w:r>
        <w:t>You may specify more than one, if applicable</w:t>
      </w:r>
    </w:p>
    <w:p w14:paraId="47BD8E42" w14:textId="213C6BF4" w:rsidR="00AD1601" w:rsidRDefault="00AD1601" w:rsidP="00AD1601">
      <w:pPr>
        <w:pStyle w:val="ListParagraph"/>
        <w:numPr>
          <w:ilvl w:val="1"/>
          <w:numId w:val="1"/>
        </w:numPr>
      </w:pPr>
      <w:r>
        <w:t>This should serve as the baseline for how you author your user interface</w:t>
      </w:r>
    </w:p>
    <w:p w14:paraId="260628F6" w14:textId="22172B1E" w:rsidR="00F912C1" w:rsidRDefault="00F912C1" w:rsidP="00AD1601">
      <w:pPr>
        <w:pStyle w:val="ListParagraph"/>
        <w:numPr>
          <w:ilvl w:val="1"/>
          <w:numId w:val="1"/>
        </w:numPr>
      </w:pPr>
      <w:r>
        <w:t>Omit this if rendering is uninvolved</w:t>
      </w:r>
    </w:p>
    <w:p w14:paraId="6D6BC496" w14:textId="4B262B06" w:rsidR="00AD1601" w:rsidRDefault="007B394D" w:rsidP="00AD1601">
      <w:pPr>
        <w:pStyle w:val="ListParagraph"/>
        <w:numPr>
          <w:ilvl w:val="0"/>
          <w:numId w:val="1"/>
        </w:numPr>
      </w:pPr>
      <w:r>
        <w:t>Memory Usage Budget</w:t>
      </w:r>
    </w:p>
    <w:p w14:paraId="3B73A26B" w14:textId="7600B0A4" w:rsidR="002C7AE4" w:rsidRDefault="007B394D" w:rsidP="00E662FC">
      <w:pPr>
        <w:pStyle w:val="ListParagraph"/>
        <w:numPr>
          <w:ilvl w:val="1"/>
          <w:numId w:val="1"/>
        </w:numPr>
      </w:pPr>
      <w:r>
        <w:t xml:space="preserve">Please specify if any </w:t>
      </w:r>
      <w:r w:rsidR="002C7AE4">
        <w:t>memory will need to be dynamically allocated (and deleted/GC’d)</w:t>
      </w:r>
    </w:p>
    <w:p w14:paraId="5C2684A8" w14:textId="3CFED4D0" w:rsidR="00CB5C81" w:rsidRDefault="00E662FC" w:rsidP="00CB5C81">
      <w:pPr>
        <w:pStyle w:val="ListParagraph"/>
        <w:numPr>
          <w:ilvl w:val="0"/>
          <w:numId w:val="1"/>
        </w:numPr>
      </w:pPr>
      <w:r>
        <w:t xml:space="preserve">Target </w:t>
      </w:r>
      <w:r w:rsidR="00CB5C81">
        <w:t>Device and/or Hardware</w:t>
      </w:r>
    </w:p>
    <w:p w14:paraId="14FD8E7D" w14:textId="6B066AAC" w:rsidR="001F3E4C" w:rsidRDefault="00CB5C81" w:rsidP="001F3E4C">
      <w:pPr>
        <w:pStyle w:val="ListParagraph"/>
        <w:numPr>
          <w:ilvl w:val="1"/>
          <w:numId w:val="1"/>
        </w:numPr>
      </w:pPr>
      <w:r>
        <w:t xml:space="preserve">If specifying a PC, please provide an approximation of the </w:t>
      </w:r>
      <w:r w:rsidR="001F3E4C">
        <w:t>capabilities of the PC.</w:t>
      </w:r>
    </w:p>
    <w:p w14:paraId="35167FFD" w14:textId="36E7E612" w:rsidR="00BB57CA" w:rsidRPr="00BB57CA" w:rsidRDefault="00BB57CA" w:rsidP="00BB57CA">
      <w:pPr>
        <w:pStyle w:val="Heading1"/>
      </w:pPr>
      <w:r>
        <w:t>Technical Design</w:t>
      </w:r>
    </w:p>
    <w:p w14:paraId="1892D625" w14:textId="5F20449F" w:rsidR="006E1B4C" w:rsidRDefault="006E1B4C" w:rsidP="006E1B4C">
      <w:r w:rsidRPr="006E1B4C">
        <w:t xml:space="preserve">The technical design of a project is a </w:t>
      </w:r>
      <w:r w:rsidR="007745F2">
        <w:t xml:space="preserve">provides a </w:t>
      </w:r>
      <w:r w:rsidRPr="006E1B4C">
        <w:t xml:space="preserve">high-level </w:t>
      </w:r>
      <w:r w:rsidR="007745F2">
        <w:t>understanding of how your project will be engineered to meet the requirements laid out above.</w:t>
      </w:r>
    </w:p>
    <w:p w14:paraId="6C761701" w14:textId="148DC289" w:rsidR="000E1EEC" w:rsidRDefault="000E1EEC" w:rsidP="000E1EEC">
      <w:pPr>
        <w:pStyle w:val="ListParagraph"/>
        <w:numPr>
          <w:ilvl w:val="0"/>
          <w:numId w:val="1"/>
        </w:numPr>
      </w:pPr>
      <w:r>
        <w:t>Major Systems</w:t>
      </w:r>
      <w:r w:rsidR="007745F2">
        <w:t xml:space="preserve"> and/or Data Types</w:t>
      </w:r>
    </w:p>
    <w:p w14:paraId="1D6CAF67" w14:textId="400F9DB6" w:rsidR="00EC4B2F" w:rsidRDefault="00EC4B2F" w:rsidP="00EC4B2F">
      <w:pPr>
        <w:pStyle w:val="ListParagraph"/>
        <w:numPr>
          <w:ilvl w:val="1"/>
          <w:numId w:val="1"/>
        </w:numPr>
      </w:pPr>
      <w:r>
        <w:t>(Please provide a highly level description of how the systems or data types interact with each other)</w:t>
      </w:r>
    </w:p>
    <w:p w14:paraId="322222E3" w14:textId="6BF13706" w:rsidR="00EC4B2F" w:rsidRDefault="00EC4B2F" w:rsidP="00EC4B2F">
      <w:pPr>
        <w:pStyle w:val="ListParagraph"/>
        <w:numPr>
          <w:ilvl w:val="1"/>
          <w:numId w:val="1"/>
        </w:numPr>
      </w:pPr>
      <w:r>
        <w:t>(This can be partially addressed by a class diagram)</w:t>
      </w:r>
    </w:p>
    <w:p w14:paraId="0DB56915" w14:textId="39E4AB56" w:rsidR="00F33564" w:rsidRDefault="00795929" w:rsidP="000E1EEC">
      <w:pPr>
        <w:pStyle w:val="ListParagraph"/>
        <w:numPr>
          <w:ilvl w:val="0"/>
          <w:numId w:val="1"/>
        </w:numPr>
      </w:pPr>
      <w:r>
        <w:t>Online Services</w:t>
      </w:r>
      <w:r w:rsidR="00D84E16">
        <w:t xml:space="preserve"> (if any)</w:t>
      </w:r>
    </w:p>
    <w:p w14:paraId="714496FF" w14:textId="2251C9E0" w:rsidR="00D84E16" w:rsidRDefault="00D84E16" w:rsidP="000E1EEC">
      <w:pPr>
        <w:pStyle w:val="ListParagraph"/>
        <w:numPr>
          <w:ilvl w:val="0"/>
          <w:numId w:val="1"/>
        </w:numPr>
      </w:pPr>
      <w:r>
        <w:t>Global and/or Persistent State</w:t>
      </w:r>
    </w:p>
    <w:p w14:paraId="36BA59F6" w14:textId="0B7B9B1C" w:rsidR="00D84E16" w:rsidRDefault="00D84E16" w:rsidP="00D84E16">
      <w:pPr>
        <w:pStyle w:val="ListParagraph"/>
        <w:numPr>
          <w:ilvl w:val="1"/>
          <w:numId w:val="1"/>
        </w:numPr>
      </w:pPr>
      <w:r>
        <w:t>Singletons</w:t>
      </w:r>
    </w:p>
    <w:p w14:paraId="1FFA2703" w14:textId="2237A5D8" w:rsidR="00D84E16" w:rsidRDefault="00D84E16" w:rsidP="00D84E16">
      <w:pPr>
        <w:pStyle w:val="ListParagraph"/>
        <w:numPr>
          <w:ilvl w:val="1"/>
          <w:numId w:val="1"/>
        </w:numPr>
      </w:pPr>
      <w:r>
        <w:t>Global Variables</w:t>
      </w:r>
    </w:p>
    <w:p w14:paraId="4BE20425" w14:textId="442B1163" w:rsidR="00D84E16" w:rsidRDefault="00D84E16" w:rsidP="00D84E16">
      <w:pPr>
        <w:pStyle w:val="ListParagraph"/>
        <w:numPr>
          <w:ilvl w:val="1"/>
          <w:numId w:val="1"/>
        </w:numPr>
      </w:pPr>
      <w:r>
        <w:t>Static Variables</w:t>
      </w:r>
    </w:p>
    <w:p w14:paraId="4346CD5E" w14:textId="364662E7" w:rsidR="00D84E16" w:rsidRDefault="00D84E16" w:rsidP="00D84E16">
      <w:pPr>
        <w:pStyle w:val="ListParagraph"/>
        <w:numPr>
          <w:ilvl w:val="1"/>
          <w:numId w:val="1"/>
        </w:numPr>
      </w:pPr>
      <w:r>
        <w:t>Assets / Files</w:t>
      </w:r>
    </w:p>
    <w:p w14:paraId="454CFF79" w14:textId="5121DF6C" w:rsidR="00355554" w:rsidRDefault="00355554" w:rsidP="00355554">
      <w:pPr>
        <w:pStyle w:val="ListParagraph"/>
        <w:numPr>
          <w:ilvl w:val="0"/>
          <w:numId w:val="1"/>
        </w:numPr>
      </w:pPr>
      <w:r>
        <w:t>Unity</w:t>
      </w:r>
      <w:r w:rsidR="0017261F">
        <w:t xml:space="preserve"> (if applicable)</w:t>
      </w:r>
    </w:p>
    <w:p w14:paraId="28131920" w14:textId="35BA868C" w:rsidR="00355554" w:rsidRDefault="00355554" w:rsidP="00355554">
      <w:pPr>
        <w:pStyle w:val="ListParagraph"/>
        <w:numPr>
          <w:ilvl w:val="1"/>
          <w:numId w:val="1"/>
        </w:numPr>
      </w:pPr>
      <w:r>
        <w:t>Scripting Runtime</w:t>
      </w:r>
    </w:p>
    <w:p w14:paraId="4FC86A6C" w14:textId="50FD61FD" w:rsidR="00355554" w:rsidRDefault="00355554" w:rsidP="00355554">
      <w:pPr>
        <w:pStyle w:val="ListParagraph"/>
        <w:numPr>
          <w:ilvl w:val="1"/>
          <w:numId w:val="1"/>
        </w:numPr>
      </w:pPr>
      <w:r>
        <w:t>Render Pipeline</w:t>
      </w:r>
    </w:p>
    <w:p w14:paraId="23A508EB" w14:textId="126B422B" w:rsidR="00355554" w:rsidRDefault="00355554" w:rsidP="00355554">
      <w:pPr>
        <w:pStyle w:val="ListParagraph"/>
        <w:numPr>
          <w:ilvl w:val="2"/>
          <w:numId w:val="1"/>
        </w:numPr>
      </w:pPr>
      <w:r>
        <w:t>Built-in Render Pipeline</w:t>
      </w:r>
    </w:p>
    <w:p w14:paraId="37D6368D" w14:textId="4AF264B8" w:rsidR="00355554" w:rsidRDefault="00355554" w:rsidP="00355554">
      <w:pPr>
        <w:pStyle w:val="ListParagraph"/>
        <w:numPr>
          <w:ilvl w:val="2"/>
          <w:numId w:val="1"/>
        </w:numPr>
      </w:pPr>
      <w:r>
        <w:t>Universal Render Pipeline (previously known as the Lightweight Render Pipeline)</w:t>
      </w:r>
    </w:p>
    <w:p w14:paraId="5BEB59F6" w14:textId="500EBCF0" w:rsidR="00355554" w:rsidRDefault="00355554" w:rsidP="00355554">
      <w:pPr>
        <w:pStyle w:val="ListParagraph"/>
        <w:numPr>
          <w:ilvl w:val="2"/>
          <w:numId w:val="1"/>
        </w:numPr>
      </w:pPr>
      <w:r>
        <w:t>High-definition Render Pipeline</w:t>
      </w:r>
    </w:p>
    <w:p w14:paraId="607311B6" w14:textId="658BC9F6" w:rsidR="00355554" w:rsidRDefault="00355554" w:rsidP="00355554">
      <w:pPr>
        <w:pStyle w:val="ListParagraph"/>
        <w:numPr>
          <w:ilvl w:val="2"/>
          <w:numId w:val="1"/>
        </w:numPr>
      </w:pPr>
      <w:r>
        <w:t>Custom Render Pipeline</w:t>
      </w:r>
    </w:p>
    <w:p w14:paraId="3ECFBC95" w14:textId="6A98F7C7" w:rsidR="00355554" w:rsidRDefault="00355554" w:rsidP="00355554">
      <w:pPr>
        <w:pStyle w:val="ListParagraph"/>
        <w:numPr>
          <w:ilvl w:val="1"/>
          <w:numId w:val="1"/>
        </w:numPr>
      </w:pPr>
      <w:r>
        <w:lastRenderedPageBreak/>
        <w:t>Tags and Layers</w:t>
      </w:r>
    </w:p>
    <w:p w14:paraId="096679A5" w14:textId="3B308BC0" w:rsidR="002D1D33" w:rsidRDefault="002D1D33" w:rsidP="002D1D33">
      <w:pPr>
        <w:pStyle w:val="ListParagraph"/>
        <w:numPr>
          <w:ilvl w:val="0"/>
          <w:numId w:val="1"/>
        </w:numPr>
      </w:pPr>
      <w:r>
        <w:t>Rendering Settings</w:t>
      </w:r>
      <w:r w:rsidR="0017261F">
        <w:t xml:space="preserve"> (if applicable)</w:t>
      </w:r>
    </w:p>
    <w:p w14:paraId="2DDA4F5F" w14:textId="47529499" w:rsidR="002D1D33" w:rsidRDefault="002D1D33" w:rsidP="002D1D33">
      <w:pPr>
        <w:pStyle w:val="ListParagraph"/>
        <w:numPr>
          <w:ilvl w:val="1"/>
          <w:numId w:val="1"/>
        </w:numPr>
      </w:pPr>
      <w:r>
        <w:t>Color Space (Gamma / Linear)</w:t>
      </w:r>
    </w:p>
    <w:p w14:paraId="461B89EC" w14:textId="0F11C34B" w:rsidR="002D1D33" w:rsidRDefault="002D1D33" w:rsidP="002D1D33">
      <w:pPr>
        <w:pStyle w:val="ListParagraph"/>
        <w:numPr>
          <w:ilvl w:val="1"/>
          <w:numId w:val="1"/>
        </w:numPr>
      </w:pPr>
      <w:r>
        <w:t>Render Path (Forward / Deferred / Hybrid)</w:t>
      </w:r>
    </w:p>
    <w:p w14:paraId="377DC57A" w14:textId="31559035" w:rsidR="002D1D33" w:rsidRDefault="002D1D33" w:rsidP="002D1D33">
      <w:pPr>
        <w:pStyle w:val="ListParagraph"/>
        <w:numPr>
          <w:ilvl w:val="1"/>
          <w:numId w:val="1"/>
        </w:numPr>
      </w:pPr>
      <w:r>
        <w:t>Lightmap</w:t>
      </w:r>
    </w:p>
    <w:p w14:paraId="3A8A1B52" w14:textId="7D9D5BE3" w:rsidR="0017261F" w:rsidRDefault="0017261F" w:rsidP="0017261F">
      <w:pPr>
        <w:pStyle w:val="ListParagraph"/>
        <w:numPr>
          <w:ilvl w:val="2"/>
          <w:numId w:val="1"/>
        </w:numPr>
      </w:pPr>
      <w:r>
        <w:t>Environmental Lighting Settings</w:t>
      </w:r>
    </w:p>
    <w:p w14:paraId="18DB01B0" w14:textId="4CB55600" w:rsidR="0017261F" w:rsidRDefault="0017261F" w:rsidP="0017261F">
      <w:pPr>
        <w:pStyle w:val="ListParagraph"/>
        <w:numPr>
          <w:ilvl w:val="2"/>
          <w:numId w:val="1"/>
        </w:numPr>
      </w:pPr>
      <w:r>
        <w:t>Use of Dynamic Lighting?</w:t>
      </w:r>
    </w:p>
    <w:p w14:paraId="63B112E4" w14:textId="651EFF27" w:rsidR="0017261F" w:rsidRDefault="0017261F" w:rsidP="0017261F">
      <w:pPr>
        <w:pStyle w:val="ListParagraph"/>
        <w:numPr>
          <w:ilvl w:val="2"/>
          <w:numId w:val="1"/>
        </w:numPr>
      </w:pPr>
      <w:r>
        <w:t>Use of Static Lighting?</w:t>
      </w:r>
    </w:p>
    <w:p w14:paraId="712F5FDE" w14:textId="0F65D239" w:rsidR="0017261F" w:rsidRDefault="0017261F" w:rsidP="0017261F">
      <w:pPr>
        <w:pStyle w:val="ListParagraph"/>
        <w:numPr>
          <w:ilvl w:val="3"/>
          <w:numId w:val="1"/>
        </w:numPr>
      </w:pPr>
      <w:r>
        <w:t>Lightmap resolution</w:t>
      </w:r>
    </w:p>
    <w:p w14:paraId="503E97D8" w14:textId="7DC9DF3A" w:rsidR="00B16A9E" w:rsidRDefault="00B16A9E" w:rsidP="0017261F">
      <w:pPr>
        <w:pStyle w:val="ListParagraph"/>
        <w:numPr>
          <w:ilvl w:val="3"/>
          <w:numId w:val="1"/>
        </w:numPr>
      </w:pPr>
      <w:r>
        <w:t>Will lightmap seam stitching be needed?</w:t>
      </w:r>
    </w:p>
    <w:p w14:paraId="1A7601DE" w14:textId="70853F50" w:rsidR="0017261F" w:rsidRDefault="00B16A9E" w:rsidP="0017261F">
      <w:pPr>
        <w:pStyle w:val="ListParagraph"/>
        <w:numPr>
          <w:ilvl w:val="0"/>
          <w:numId w:val="1"/>
        </w:numPr>
      </w:pPr>
      <w:r>
        <w:t>External Tools</w:t>
      </w:r>
      <w:r w:rsidR="000E0228">
        <w:t xml:space="preserve"> (if any)</w:t>
      </w:r>
    </w:p>
    <w:p w14:paraId="42DADC5E" w14:textId="0581920F" w:rsidR="000E0228" w:rsidRDefault="000E0228" w:rsidP="000E0228">
      <w:pPr>
        <w:pStyle w:val="ListParagraph"/>
        <w:numPr>
          <w:ilvl w:val="1"/>
          <w:numId w:val="1"/>
        </w:numPr>
      </w:pPr>
      <w:r>
        <w:t>Unit Tests?</w:t>
      </w:r>
    </w:p>
    <w:p w14:paraId="7EF90CFC" w14:textId="572C79AF" w:rsidR="00B16A9E" w:rsidRDefault="00B16A9E" w:rsidP="00B16A9E">
      <w:pPr>
        <w:pStyle w:val="ListParagraph"/>
        <w:numPr>
          <w:ilvl w:val="1"/>
          <w:numId w:val="1"/>
        </w:numPr>
      </w:pPr>
      <w:r>
        <w:t>Profiling/Debugging Tools?</w:t>
      </w:r>
    </w:p>
    <w:p w14:paraId="60451153" w14:textId="5270344B" w:rsidR="000E0228" w:rsidRPr="000D738C" w:rsidRDefault="000E0228" w:rsidP="00B16A9E">
      <w:pPr>
        <w:pStyle w:val="ListParagraph"/>
        <w:numPr>
          <w:ilvl w:val="1"/>
          <w:numId w:val="1"/>
        </w:numPr>
      </w:pPr>
      <w:r>
        <w:t>Automated Build Systems?</w:t>
      </w:r>
    </w:p>
    <w:p w14:paraId="7CD0AB2F" w14:textId="4FCD051F" w:rsidR="007D032E" w:rsidRDefault="007D032E" w:rsidP="000D738C">
      <w:pPr>
        <w:pStyle w:val="Heading2"/>
      </w:pPr>
      <w:r>
        <w:lastRenderedPageBreak/>
        <w:t>Class Diagram</w:t>
      </w:r>
    </w:p>
    <w:p w14:paraId="1985136E" w14:textId="5C6D730C" w:rsidR="00EF097D" w:rsidRPr="00EF097D" w:rsidRDefault="00EF097D" w:rsidP="00EF097D">
      <w:pPr>
        <w:keepNext/>
        <w:keepLines/>
      </w:pPr>
      <w:r w:rsidRPr="007A1B17">
        <w:rPr>
          <w:b/>
        </w:rPr>
        <w:t>Optionally</w:t>
      </w:r>
      <w:r>
        <w:t>, you may choose to include a class diagram to show how you plan to create this system.</w:t>
      </w:r>
    </w:p>
    <w:p w14:paraId="0211ECF0" w14:textId="3CE12CBB" w:rsidR="007D032E" w:rsidRDefault="00197756" w:rsidP="00D4773A">
      <w:pPr>
        <w:keepNext/>
        <w:keepLines/>
        <w:jc w:val="center"/>
      </w:pPr>
      <w:r>
        <w:rPr>
          <w:noProof/>
        </w:rPr>
        <w:drawing>
          <wp:inline distT="0" distB="0" distL="0" distR="0" wp14:anchorId="6AA5DB74" wp14:editId="26BED812">
            <wp:extent cx="5636410" cy="7059533"/>
            <wp:effectExtent l="0" t="0" r="2540" b="825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703155" cy="7143130"/>
                    </a:xfrm>
                    <a:prstGeom prst="rect">
                      <a:avLst/>
                    </a:prstGeom>
                    <a:noFill/>
                    <a:ln>
                      <a:noFill/>
                    </a:ln>
                  </pic:spPr>
                </pic:pic>
              </a:graphicData>
            </a:graphic>
          </wp:inline>
        </w:drawing>
      </w:r>
    </w:p>
    <w:p w14:paraId="4D7EE0AF" w14:textId="3946F623" w:rsidR="0030405A" w:rsidRDefault="0030405A" w:rsidP="00EF097D">
      <w:pPr>
        <w:keepNext/>
        <w:keepLines/>
      </w:pPr>
      <w:r>
        <w:t xml:space="preserve">The above diagram was created using </w:t>
      </w:r>
      <w:hyperlink r:id="rId9" w:history="1">
        <w:r w:rsidRPr="0030405A">
          <w:rPr>
            <w:rStyle w:val="Hyperlink"/>
          </w:rPr>
          <w:t>draw.io</w:t>
        </w:r>
      </w:hyperlink>
      <w:r>
        <w:t xml:space="preserve"> in “Class Diagram” mode. Elements for things like the “composition” and “aggregation” associations can be found in the element palette in the bottom-left corner of the interface.</w:t>
      </w:r>
    </w:p>
    <w:p w14:paraId="6A44CE68" w14:textId="0E0E9902" w:rsidR="00DC7195" w:rsidRDefault="00DC7195" w:rsidP="00DC7195">
      <w:pPr>
        <w:pStyle w:val="Heading1"/>
      </w:pPr>
      <w:r>
        <w:lastRenderedPageBreak/>
        <w:t>Conventions</w:t>
      </w:r>
    </w:p>
    <w:p w14:paraId="611096D9" w14:textId="509A0B90" w:rsidR="00CC3313" w:rsidRDefault="007A1B17" w:rsidP="00CC3313">
      <w:r w:rsidRPr="007A1B17">
        <w:rPr>
          <w:b/>
        </w:rPr>
        <w:t>Optionally</w:t>
      </w:r>
      <w:r>
        <w:t>, list</w:t>
      </w:r>
      <w:r w:rsidR="00CC3313">
        <w:t xml:space="preserve"> the conventions that you will adhere to </w:t>
      </w:r>
      <w:r w:rsidR="00924100">
        <w:t xml:space="preserve">over the course of the development of your </w:t>
      </w:r>
      <w:r w:rsidR="00194937">
        <w:t>project.</w:t>
      </w:r>
    </w:p>
    <w:p w14:paraId="34FFA072" w14:textId="469C200A" w:rsidR="00BF795A" w:rsidRDefault="00BF795A" w:rsidP="00D4773A">
      <w:pPr>
        <w:pStyle w:val="ListParagraph"/>
        <w:numPr>
          <w:ilvl w:val="0"/>
          <w:numId w:val="1"/>
        </w:numPr>
      </w:pPr>
      <w:r>
        <w:t>Programming Style (see C# Style Guide or C++ Style Guide on SharePoint for a basic style guide)</w:t>
      </w:r>
    </w:p>
    <w:p w14:paraId="117057CE" w14:textId="4AD6FEF3" w:rsidR="00D4773A" w:rsidRDefault="00BF795A" w:rsidP="00D4773A">
      <w:pPr>
        <w:pStyle w:val="ListParagraph"/>
        <w:numPr>
          <w:ilvl w:val="0"/>
          <w:numId w:val="1"/>
        </w:numPr>
      </w:pPr>
      <w:r>
        <w:t>File Naming Conventions</w:t>
      </w:r>
    </w:p>
    <w:p w14:paraId="4296AE5C" w14:textId="34C48D59" w:rsidR="00BF795A" w:rsidRDefault="00BF795A" w:rsidP="00D4773A">
      <w:pPr>
        <w:pStyle w:val="ListParagraph"/>
        <w:numPr>
          <w:ilvl w:val="0"/>
          <w:numId w:val="1"/>
        </w:numPr>
      </w:pPr>
      <w:r>
        <w:t>Folder Structure</w:t>
      </w:r>
    </w:p>
    <w:p w14:paraId="54052D37" w14:textId="1592C787" w:rsidR="000E0228" w:rsidRDefault="00BF795A" w:rsidP="000E0228">
      <w:pPr>
        <w:pStyle w:val="ListParagraph"/>
        <w:numPr>
          <w:ilvl w:val="0"/>
          <w:numId w:val="1"/>
        </w:numPr>
      </w:pPr>
      <w:r>
        <w:t>File Format Specifications</w:t>
      </w:r>
    </w:p>
    <w:p w14:paraId="34DB3F61" w14:textId="14B08C5B" w:rsidR="00DC7195" w:rsidRDefault="00DC7195" w:rsidP="00AC4675">
      <w:pPr>
        <w:pStyle w:val="Heading1"/>
      </w:pPr>
      <w:r>
        <w:t>Technical Risks</w:t>
      </w:r>
    </w:p>
    <w:p w14:paraId="32ABCAA4" w14:textId="1A0BCFD6" w:rsidR="00DC7195" w:rsidRPr="00DC7195" w:rsidRDefault="00342B3B" w:rsidP="00DC7195">
      <w:r>
        <w:t>No risks obviously it’s perfect</w:t>
      </w:r>
    </w:p>
    <w:p w14:paraId="5ABE9354" w14:textId="1D327C67" w:rsidR="00E464E0" w:rsidRDefault="00E464E0" w:rsidP="00E464E0">
      <w:pPr>
        <w:pStyle w:val="Heading1"/>
      </w:pPr>
      <w:r>
        <w:t>Credits</w:t>
      </w:r>
    </w:p>
    <w:p w14:paraId="72561FDC" w14:textId="3D0E0F2D" w:rsidR="00E464E0" w:rsidRDefault="00247109" w:rsidP="00E464E0">
      <w:r>
        <w:t>Joseph</w:t>
      </w:r>
      <w:r w:rsidR="00E464E0">
        <w:t xml:space="preserve"> </w:t>
      </w:r>
      <w:r>
        <w:t>Huskey</w:t>
      </w:r>
      <w:r w:rsidR="00E464E0">
        <w:t xml:space="preserve"> © 202</w:t>
      </w:r>
      <w:r w:rsidR="00F01157">
        <w:t>2</w:t>
      </w:r>
    </w:p>
    <w:sectPr w:rsidR="00E464E0" w:rsidSect="001E1D90">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34A14E7F"/>
    <w:multiLevelType w:val="hybridMultilevel"/>
    <w:tmpl w:val="83DAA294"/>
    <w:lvl w:ilvl="0" w:tplc="FA44A16E">
      <w:numFmt w:val="bullet"/>
      <w:lvlText w:val="-"/>
      <w:lvlJc w:val="left"/>
      <w:pPr>
        <w:ind w:left="720" w:hanging="360"/>
      </w:pPr>
      <w:rPr>
        <w:rFonts w:ascii="Calibri" w:eastAsiaTheme="minorHAnsi" w:hAnsi="Calibri" w:cs="Calibri"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57C49"/>
    <w:rsid w:val="0005465C"/>
    <w:rsid w:val="000B3E18"/>
    <w:rsid w:val="000D738C"/>
    <w:rsid w:val="000E0228"/>
    <w:rsid w:val="000E1EEC"/>
    <w:rsid w:val="00111FF1"/>
    <w:rsid w:val="0017261F"/>
    <w:rsid w:val="00194937"/>
    <w:rsid w:val="00197756"/>
    <w:rsid w:val="001B17E2"/>
    <w:rsid w:val="001B687C"/>
    <w:rsid w:val="001B7123"/>
    <w:rsid w:val="001E1D90"/>
    <w:rsid w:val="001F3E4C"/>
    <w:rsid w:val="00223EA6"/>
    <w:rsid w:val="00247109"/>
    <w:rsid w:val="002C7AE4"/>
    <w:rsid w:val="002D1D33"/>
    <w:rsid w:val="002F1FA4"/>
    <w:rsid w:val="0030405A"/>
    <w:rsid w:val="00322010"/>
    <w:rsid w:val="00342B3B"/>
    <w:rsid w:val="00355554"/>
    <w:rsid w:val="00373F47"/>
    <w:rsid w:val="003F1DC0"/>
    <w:rsid w:val="00414227"/>
    <w:rsid w:val="00417112"/>
    <w:rsid w:val="00465F9A"/>
    <w:rsid w:val="00476906"/>
    <w:rsid w:val="00477BB1"/>
    <w:rsid w:val="004B5CBC"/>
    <w:rsid w:val="004C129E"/>
    <w:rsid w:val="004D3915"/>
    <w:rsid w:val="005210EC"/>
    <w:rsid w:val="00586126"/>
    <w:rsid w:val="005D5895"/>
    <w:rsid w:val="005E32CE"/>
    <w:rsid w:val="00657C49"/>
    <w:rsid w:val="006E1B4C"/>
    <w:rsid w:val="00705424"/>
    <w:rsid w:val="00725F62"/>
    <w:rsid w:val="00752870"/>
    <w:rsid w:val="00770290"/>
    <w:rsid w:val="007745F2"/>
    <w:rsid w:val="00775CE6"/>
    <w:rsid w:val="007844F1"/>
    <w:rsid w:val="00795929"/>
    <w:rsid w:val="007A1B17"/>
    <w:rsid w:val="007B394D"/>
    <w:rsid w:val="007D032E"/>
    <w:rsid w:val="007D3A3D"/>
    <w:rsid w:val="007F10E0"/>
    <w:rsid w:val="00803AE1"/>
    <w:rsid w:val="00823AFB"/>
    <w:rsid w:val="00906F77"/>
    <w:rsid w:val="009232EA"/>
    <w:rsid w:val="00924100"/>
    <w:rsid w:val="00964434"/>
    <w:rsid w:val="00980F02"/>
    <w:rsid w:val="00A3148F"/>
    <w:rsid w:val="00A64458"/>
    <w:rsid w:val="00A83E92"/>
    <w:rsid w:val="00AB36DB"/>
    <w:rsid w:val="00AC4675"/>
    <w:rsid w:val="00AD1601"/>
    <w:rsid w:val="00B16A9E"/>
    <w:rsid w:val="00B260CD"/>
    <w:rsid w:val="00B32ECA"/>
    <w:rsid w:val="00BB52DB"/>
    <w:rsid w:val="00BB57CA"/>
    <w:rsid w:val="00BF6816"/>
    <w:rsid w:val="00BF795A"/>
    <w:rsid w:val="00C04146"/>
    <w:rsid w:val="00C17EAC"/>
    <w:rsid w:val="00C6386A"/>
    <w:rsid w:val="00CB5C81"/>
    <w:rsid w:val="00CC3313"/>
    <w:rsid w:val="00CD3B27"/>
    <w:rsid w:val="00CF70DD"/>
    <w:rsid w:val="00D04235"/>
    <w:rsid w:val="00D4773A"/>
    <w:rsid w:val="00D84E16"/>
    <w:rsid w:val="00DC7195"/>
    <w:rsid w:val="00DD4BCB"/>
    <w:rsid w:val="00DD561B"/>
    <w:rsid w:val="00DE345B"/>
    <w:rsid w:val="00DF33C6"/>
    <w:rsid w:val="00E17619"/>
    <w:rsid w:val="00E36A3B"/>
    <w:rsid w:val="00E464E0"/>
    <w:rsid w:val="00E577A4"/>
    <w:rsid w:val="00E662FC"/>
    <w:rsid w:val="00EB62CB"/>
    <w:rsid w:val="00EC4B2F"/>
    <w:rsid w:val="00ED470C"/>
    <w:rsid w:val="00ED50FB"/>
    <w:rsid w:val="00EE36E3"/>
    <w:rsid w:val="00EE4CBA"/>
    <w:rsid w:val="00EF036E"/>
    <w:rsid w:val="00EF097D"/>
    <w:rsid w:val="00F01157"/>
    <w:rsid w:val="00F132DF"/>
    <w:rsid w:val="00F33564"/>
    <w:rsid w:val="00F43921"/>
    <w:rsid w:val="00F912C1"/>
    <w:rsid w:val="00FA006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EB89FD2"/>
  <w15:chartTrackingRefBased/>
  <w15:docId w15:val="{32727736-3519-4E6A-9682-649D08C419A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464E0"/>
  </w:style>
  <w:style w:type="paragraph" w:styleId="Heading1">
    <w:name w:val="heading 1"/>
    <w:basedOn w:val="Normal"/>
    <w:next w:val="Normal"/>
    <w:link w:val="Heading1Char"/>
    <w:uiPriority w:val="9"/>
    <w:qFormat/>
    <w:rsid w:val="00657C49"/>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657C49"/>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unhideWhenUsed/>
    <w:qFormat/>
    <w:rsid w:val="00657C49"/>
    <w:pPr>
      <w:keepNext/>
      <w:keepLines/>
      <w:spacing w:before="40" w:after="0"/>
      <w:outlineLvl w:val="2"/>
    </w:pPr>
    <w:rPr>
      <w:rFonts w:asciiTheme="majorHAnsi" w:eastAsiaTheme="majorEastAsia" w:hAnsiTheme="majorHAnsi" w:cstheme="majorBidi"/>
      <w:color w:val="1F3763"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657C49"/>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57C49"/>
    <w:rPr>
      <w:rFonts w:asciiTheme="majorHAnsi" w:eastAsiaTheme="majorEastAsia" w:hAnsiTheme="majorHAnsi" w:cstheme="majorBidi"/>
      <w:spacing w:val="-10"/>
      <w:kern w:val="28"/>
      <w:sz w:val="56"/>
      <w:szCs w:val="56"/>
    </w:rPr>
  </w:style>
  <w:style w:type="character" w:customStyle="1" w:styleId="Heading1Char">
    <w:name w:val="Heading 1 Char"/>
    <w:basedOn w:val="DefaultParagraphFont"/>
    <w:link w:val="Heading1"/>
    <w:uiPriority w:val="9"/>
    <w:rsid w:val="00657C49"/>
    <w:rPr>
      <w:rFonts w:asciiTheme="majorHAnsi" w:eastAsiaTheme="majorEastAsia" w:hAnsiTheme="majorHAnsi" w:cstheme="majorBidi"/>
      <w:color w:val="2F5496" w:themeColor="accent1" w:themeShade="BF"/>
      <w:sz w:val="32"/>
      <w:szCs w:val="32"/>
    </w:rPr>
  </w:style>
  <w:style w:type="character" w:customStyle="1" w:styleId="Heading2Char">
    <w:name w:val="Heading 2 Char"/>
    <w:basedOn w:val="DefaultParagraphFont"/>
    <w:link w:val="Heading2"/>
    <w:uiPriority w:val="9"/>
    <w:rsid w:val="00657C49"/>
    <w:rPr>
      <w:rFonts w:asciiTheme="majorHAnsi" w:eastAsiaTheme="majorEastAsia" w:hAnsiTheme="majorHAnsi" w:cstheme="majorBidi"/>
      <w:color w:val="2F5496" w:themeColor="accent1" w:themeShade="BF"/>
      <w:sz w:val="26"/>
      <w:szCs w:val="26"/>
    </w:rPr>
  </w:style>
  <w:style w:type="character" w:customStyle="1" w:styleId="Heading3Char">
    <w:name w:val="Heading 3 Char"/>
    <w:basedOn w:val="DefaultParagraphFont"/>
    <w:link w:val="Heading3"/>
    <w:uiPriority w:val="9"/>
    <w:rsid w:val="00657C49"/>
    <w:rPr>
      <w:rFonts w:asciiTheme="majorHAnsi" w:eastAsiaTheme="majorEastAsia" w:hAnsiTheme="majorHAnsi" w:cstheme="majorBidi"/>
      <w:color w:val="1F3763" w:themeColor="accent1" w:themeShade="7F"/>
      <w:sz w:val="24"/>
      <w:szCs w:val="24"/>
    </w:rPr>
  </w:style>
  <w:style w:type="character" w:styleId="Hyperlink">
    <w:name w:val="Hyperlink"/>
    <w:basedOn w:val="DefaultParagraphFont"/>
    <w:uiPriority w:val="99"/>
    <w:unhideWhenUsed/>
    <w:rsid w:val="0030405A"/>
    <w:rPr>
      <w:color w:val="0563C1" w:themeColor="hyperlink"/>
      <w:u w:val="single"/>
    </w:rPr>
  </w:style>
  <w:style w:type="character" w:styleId="UnresolvedMention">
    <w:name w:val="Unresolved Mention"/>
    <w:basedOn w:val="DefaultParagraphFont"/>
    <w:uiPriority w:val="99"/>
    <w:semiHidden/>
    <w:unhideWhenUsed/>
    <w:rsid w:val="0030405A"/>
    <w:rPr>
      <w:color w:val="605E5C"/>
      <w:shd w:val="clear" w:color="auto" w:fill="E1DFDD"/>
    </w:rPr>
  </w:style>
  <w:style w:type="paragraph" w:styleId="Subtitle">
    <w:name w:val="Subtitle"/>
    <w:basedOn w:val="Normal"/>
    <w:next w:val="Normal"/>
    <w:link w:val="SubtitleChar"/>
    <w:uiPriority w:val="11"/>
    <w:qFormat/>
    <w:rsid w:val="00197756"/>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197756"/>
    <w:rPr>
      <w:rFonts w:eastAsiaTheme="minorEastAsia"/>
      <w:color w:val="5A5A5A" w:themeColor="text1" w:themeTint="A5"/>
      <w:spacing w:val="15"/>
    </w:rPr>
  </w:style>
  <w:style w:type="paragraph" w:styleId="ListParagraph">
    <w:name w:val="List Paragraph"/>
    <w:basedOn w:val="Normal"/>
    <w:uiPriority w:val="34"/>
    <w:qFormat/>
    <w:rsid w:val="00EB62C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425854748">
      <w:bodyDiv w:val="1"/>
      <w:marLeft w:val="0"/>
      <w:marRight w:val="0"/>
      <w:marTop w:val="0"/>
      <w:marBottom w:val="0"/>
      <w:divBdr>
        <w:top w:val="none" w:sz="0" w:space="0" w:color="auto"/>
        <w:left w:val="none" w:sz="0" w:space="0" w:color="auto"/>
        <w:bottom w:val="none" w:sz="0" w:space="0" w:color="auto"/>
        <w:right w:val="none" w:sz="0" w:space="0" w:color="auto"/>
      </w:divBdr>
    </w:div>
    <w:div w:id="122914576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customXml" Target="../customXml/item3.xml"/><Relationship Id="rId7" Type="http://schemas.openxmlformats.org/officeDocument/2006/relationships/webSettings" Target="webSetting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theme" Target="theme/theme1.xml"/><Relationship Id="rId5" Type="http://schemas.openxmlformats.org/officeDocument/2006/relationships/styles" Target="styles.xml"/><Relationship Id="rId10"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hyperlink" Target="file:///C:\Users\s209062\Downloads\draw.io"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3A74BAE726F2344B6F4615C42B9085F" ma:contentTypeVersion="10" ma:contentTypeDescription="Create a new document." ma:contentTypeScope="" ma:versionID="4d55923cc7c78abbf543bbbeed3400a1">
  <xsd:schema xmlns:xsd="http://www.w3.org/2001/XMLSchema" xmlns:xs="http://www.w3.org/2001/XMLSchema" xmlns:p="http://schemas.microsoft.com/office/2006/metadata/properties" xmlns:ns2="02294a81-1c35-42d2-96be-644bafa8c118" targetNamespace="http://schemas.microsoft.com/office/2006/metadata/properties" ma:root="true" ma:fieldsID="fa13c187a0e7decafc13be671cc7a958" ns2:_="">
    <xsd:import namespace="02294a81-1c35-42d2-96be-644bafa8c118"/>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2:MediaServiceAutoKeyPoints" minOccurs="0"/>
                <xsd:element ref="ns2:MediaServiceKeyPoints" minOccurs="0"/>
                <xsd:element ref="ns2:MediaServiceDateTaken" minOccurs="0"/>
                <xsd:element ref="ns2: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2294a81-1c35-42d2-96be-644bafa8c11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AutoKeyPoints" ma:index="14" nillable="true" ma:displayName="MediaServiceAutoKeyPoints" ma:hidden="true" ma:internalName="MediaServiceAutoKeyPoints" ma:readOnly="true">
      <xsd:simpleType>
        <xsd:restriction base="dms:Note"/>
      </xsd:simpleType>
    </xsd:element>
    <xsd:element name="MediaServiceKeyPoints" ma:index="15" nillable="true" ma:displayName="KeyPoints" ma:internalName="MediaServiceKeyPoints" ma:readOnly="true">
      <xsd:simpleType>
        <xsd:restriction base="dms:Note">
          <xsd:maxLength value="255"/>
        </xsd:restriction>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Length (seconds)" ma:internalName="MediaLengthInSeconds" ma:readOnly="tru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FD696C6-B20F-4368-9FB9-27D722436D58}">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DFDD4B4A-A584-4C15-9E19-829B0AFB716C}">
  <ds:schemaRefs>
    <ds:schemaRef ds:uri="http://schemas.microsoft.com/sharepoint/v3/contenttype/forms"/>
  </ds:schemaRefs>
</ds:datastoreItem>
</file>

<file path=customXml/itemProps3.xml><?xml version="1.0" encoding="utf-8"?>
<ds:datastoreItem xmlns:ds="http://schemas.openxmlformats.org/officeDocument/2006/customXml" ds:itemID="{CF66DD58-D245-4C29-8C6F-056A3D2A788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2294a81-1c35-42d2-96be-644bafa8c11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ormal.dotm</Template>
  <TotalTime>398</TotalTime>
  <Pages>6</Pages>
  <Words>749</Words>
  <Characters>4275</Characters>
  <Application>Microsoft Office Word</Application>
  <DocSecurity>0</DocSecurity>
  <Lines>35</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0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erry Nguyen</dc:creator>
  <cp:keywords/>
  <dc:description/>
  <cp:lastModifiedBy>Joseph Huskey</cp:lastModifiedBy>
  <cp:revision>6</cp:revision>
  <dcterms:created xsi:type="dcterms:W3CDTF">2022-01-06T01:35:00Z</dcterms:created>
  <dcterms:modified xsi:type="dcterms:W3CDTF">2022-01-20T17: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3A74BAE726F2344B6F4615C42B9085F</vt:lpwstr>
  </property>
</Properties>
</file>